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029470\Desktop\Stationery\Working documents\Tender Pack\"/>
    </mc:Choice>
  </mc:AlternateContent>
  <xr:revisionPtr revIDLastSave="0" documentId="13_ncr:1_{EDA02B14-DE12-434B-BF00-CC645D9FF445}" xr6:coauthVersionLast="47" xr6:coauthVersionMax="47" xr10:uidLastSave="{00000000-0000-0000-0000-000000000000}"/>
  <bookViews>
    <workbookView xWindow="-104" yWindow="-104" windowWidth="22326" windowHeight="11947" xr2:uid="{ACCC216B-8B5E-4048-A462-08649B514D11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1" uniqueCount="190">
  <si>
    <t xml:space="preserve">List of clusters to bid for </t>
  </si>
  <si>
    <t>Tick box</t>
  </si>
  <si>
    <t>Gauteng</t>
  </si>
  <si>
    <t>Limpopo</t>
  </si>
  <si>
    <t>Mpumalanga</t>
  </si>
  <si>
    <t>Western Cape</t>
  </si>
  <si>
    <t>Eastern Cape</t>
  </si>
  <si>
    <t>North West</t>
  </si>
  <si>
    <t>Centurion Branch Office _ Doringkloof Office</t>
  </si>
  <si>
    <t>Pretoria ROR _ Revenue Building</t>
  </si>
  <si>
    <t>Pretoria East Branch Office _ Ashlea Gardens</t>
  </si>
  <si>
    <t>Johannesburg Branch Office _ Government Building</t>
  </si>
  <si>
    <t>Randburg Revenue Building</t>
  </si>
  <si>
    <t>Pietermaritzburg</t>
  </si>
  <si>
    <t>Port Shepstone</t>
  </si>
  <si>
    <t>Umhlanga</t>
  </si>
  <si>
    <t>Newcastle</t>
  </si>
  <si>
    <t>Durban - New Pier States Warehouse + Scanner Site</t>
  </si>
  <si>
    <t>Richards Bay - Customs House</t>
  </si>
  <si>
    <t>Richards Bay - Bay Side Mall</t>
  </si>
  <si>
    <t>Durban - King Shaka International Airport</t>
  </si>
  <si>
    <t>Pinetown branch office</t>
  </si>
  <si>
    <t xml:space="preserve">Mthatha - Hillcrest </t>
  </si>
  <si>
    <t xml:space="preserve">East London - Waverley Park </t>
  </si>
  <si>
    <t>Port Elizabeth - Revenue House</t>
  </si>
  <si>
    <t>Port Elizabeth - Sanlam building</t>
  </si>
  <si>
    <t>Gqeberha - Coega CCA Building</t>
  </si>
  <si>
    <t xml:space="preserve">Kariega - Corkwood Square Kariega Branch office </t>
  </si>
  <si>
    <t>•	1 Service Provider to service Cape Town</t>
  </si>
  <si>
    <t>Roodepoort Branch Office _ Horizon View</t>
  </si>
  <si>
    <t>Soweto Bara Branch Office _ Asambhe Cen</t>
  </si>
  <si>
    <t>O.R. Tambo Internal Airport (ORTIA)</t>
  </si>
  <si>
    <t xml:space="preserve">Gqeberha (PE), Kariega (Uitenhage) and Komani (Queenstown) </t>
  </si>
  <si>
    <t xml:space="preserve">•	1 Service Provider to service East London and Mthatha </t>
  </si>
  <si>
    <t xml:space="preserve">•	1 Service Provider to service Gqeberha, Kariega and Komani </t>
  </si>
  <si>
    <t>KwaZulu-Natal</t>
  </si>
  <si>
    <t>BIDDER'S TICK SHEET</t>
  </si>
  <si>
    <t>Mmabatho-Komongwe Building</t>
  </si>
  <si>
    <t>Klerksdorp-Sodema Building</t>
  </si>
  <si>
    <t>Rustenburg-Damelin Building,</t>
  </si>
  <si>
    <t>Thohoyandou-SARS Building</t>
  </si>
  <si>
    <t>Giyani-Old Parliament Building</t>
  </si>
  <si>
    <t xml:space="preserve">Lebowakgomo-Legislature Building </t>
  </si>
  <si>
    <t>Polokwane-DPW Govt Building</t>
  </si>
  <si>
    <t>Bellville-Parc Du Cap</t>
  </si>
  <si>
    <t>Standerton-Revenue Building</t>
  </si>
  <si>
    <t>Springs-Sanlam Building</t>
  </si>
  <si>
    <t>Vereeniging-Bedworth Centre</t>
  </si>
  <si>
    <t>Boksburg-Atlas Building</t>
  </si>
  <si>
    <t>Alberton CPO-Alberton Campus</t>
  </si>
  <si>
    <t>Edenvale-Edenvale Centre</t>
  </si>
  <si>
    <t>Cape Town-17 Lower Long</t>
  </si>
  <si>
    <t>Cape Town-Harbour State warehouse</t>
  </si>
  <si>
    <t>Paarl-Rhoba Building</t>
  </si>
  <si>
    <t>Bellville-SANBEL ABSA Building</t>
  </si>
  <si>
    <t>Worcster-Naude Building</t>
  </si>
  <si>
    <t>Mitchell Plein-Michell Plein Shopping Centre</t>
  </si>
  <si>
    <t>Stellenbosch-Valerieda Centre</t>
  </si>
  <si>
    <t>Krugersdorp-Revenue Building</t>
  </si>
  <si>
    <t>Randfontein-Tambotie Mall</t>
  </si>
  <si>
    <t>Brooklyn-Brooklyn Bridge(Hilton/Linton/Stevenson House)</t>
  </si>
  <si>
    <t>Brooklyn-Lehae La SARS</t>
  </si>
  <si>
    <t>Brooklyn-Khanyisa Building</t>
  </si>
  <si>
    <t>Brooklyn-Landbank Building</t>
  </si>
  <si>
    <t>George-New George Office</t>
  </si>
  <si>
    <r>
      <t xml:space="preserve">Please indicate with a tick (X) below which cluster you are bidding for. </t>
    </r>
    <r>
      <rPr>
        <b/>
        <sz val="11"/>
        <color theme="1"/>
        <rFont val="Aptos Narrow"/>
        <family val="2"/>
        <scheme val="minor"/>
      </rPr>
      <t>Note</t>
    </r>
    <r>
      <rPr>
        <sz val="11"/>
        <color theme="1"/>
        <rFont val="Aptos Narrow"/>
        <family val="2"/>
        <scheme val="minor"/>
      </rPr>
      <t>: A bidder can bid for one or more clusters.</t>
    </r>
  </si>
  <si>
    <t>Appointment per cluster and Geographical location</t>
  </si>
  <si>
    <t>N1 Far North Beitbridge boarder posta</t>
  </si>
  <si>
    <t>Grobler's Bridge Border</t>
  </si>
  <si>
    <t xml:space="preserve">Beitbdridge Border </t>
  </si>
  <si>
    <t>39 Heystek Street Rustenburg</t>
  </si>
  <si>
    <t>Corner Anderson and Voorterkker</t>
  </si>
  <si>
    <t>Corner Batlhaping and Balokologadi street</t>
  </si>
  <si>
    <t>Kopfontein Border</t>
  </si>
  <si>
    <t xml:space="preserve"> Skilpadhek Border-N4 Lobatse Road Zeerust</t>
  </si>
  <si>
    <t xml:space="preserve">Ramatlabama Border </t>
  </si>
  <si>
    <t>N4 Lobatse Road Zeerust</t>
  </si>
  <si>
    <t>40 Kobie Kriger Street, 1739</t>
  </si>
  <si>
    <t xml:space="preserve">shop 42, Tambotie Mall, 2260 Greenhills Street, </t>
  </si>
  <si>
    <t>5 Austell/Cresent Street,New Redruth, 1449</t>
  </si>
  <si>
    <t>M98 Jones Road, ORTIA Terminal Arrivals (Mezzanine Level)</t>
  </si>
  <si>
    <t>20 Seveth Street, Sanlam Building</t>
  </si>
  <si>
    <t xml:space="preserve">Shop 36, Bedworth Centre, Ascoton Vaal Road, 1939, </t>
  </si>
  <si>
    <t>146 corner Leeupoort and short street, Boksburg,1460</t>
  </si>
  <si>
    <t>74 Van Riebeeck Ave &amp;Hendrick Potgieter street,Edenvale</t>
  </si>
  <si>
    <t>7 Protea Street Doringkloof street,Centurion</t>
  </si>
  <si>
    <t>570 Fehrsen street,Brroklyn Pretoria</t>
  </si>
  <si>
    <t>299  Bronkhorst street,nieuw Muckleneuk Pretoria</t>
  </si>
  <si>
    <t>271  Bronkhorst street,nieuw Muckleneuk Pretoria</t>
  </si>
  <si>
    <t>C/O Schoeman and Van Der Walt str,Pretoria</t>
  </si>
  <si>
    <t>46 Lebombo Road, Ashlea Gardens,Pretoria</t>
  </si>
  <si>
    <t>4 Rissik street Johannesburg</t>
  </si>
  <si>
    <t>25 Hill St, Ferndale, Randburg</t>
  </si>
  <si>
    <t>Chris Hani Rd, Power Park, Soweto</t>
  </si>
  <si>
    <t>Corner of Sonop and Ontdekkers Road, </t>
  </si>
  <si>
    <t>Corner Bronkhorst and Veale Street</t>
  </si>
  <si>
    <t xml:space="preserve">Neston Border(Highveld area) </t>
  </si>
  <si>
    <t>Mahamba Border(Highveld Area)</t>
  </si>
  <si>
    <t>Oshoek Border</t>
  </si>
  <si>
    <t>Building-Kerk St &amp; Princess St</t>
  </si>
  <si>
    <t>Emalahleni-Province House Building</t>
  </si>
  <si>
    <t>RSA/ Swaziland Border Post end R65 to Eswatini Westoe Dam road</t>
  </si>
  <si>
    <t>RSA/ Swaziland Border Post end to N 17 to Eswatini</t>
  </si>
  <si>
    <t>RSA/ Swaziland Border Post End to R543 to Eswatini</t>
  </si>
  <si>
    <t>31 Sitrus Crescent The Square Mbombela</t>
  </si>
  <si>
    <t>Mbombela-Ex Game Building</t>
  </si>
  <si>
    <t>Jeppes Reef Border Post</t>
  </si>
  <si>
    <t>Mananga Border Post</t>
  </si>
  <si>
    <t>KMIA</t>
  </si>
  <si>
    <t>Lebombo Border Post</t>
  </si>
  <si>
    <t>Kruger Mpumalanga International Airport</t>
  </si>
  <si>
    <t>RSA/ Swaziland Border Post End R571 to Eswatini</t>
  </si>
  <si>
    <t>RSA/Swaziland Border Post  End to 570 to Eswatini</t>
  </si>
  <si>
    <r>
      <t>Botha Ave &amp;, 12 Kruger S</t>
    </r>
    <r>
      <rPr>
        <sz val="12"/>
        <color theme="1"/>
        <rFont val="Aptos Narrow"/>
        <family val="2"/>
        <scheme val="minor"/>
      </rPr>
      <t xml:space="preserve">t, </t>
    </r>
    <r>
      <rPr>
        <sz val="11"/>
        <color theme="1"/>
        <rFont val="Aptos Narrow"/>
        <family val="2"/>
        <scheme val="minor"/>
      </rPr>
      <t>eMalahleni</t>
    </r>
  </si>
  <si>
    <t>40 Landdros Mare Street Polokwane</t>
  </si>
  <si>
    <t>Old Parliamentary Building, Block 4, Lebowakgomo</t>
  </si>
  <si>
    <t> Parliament Building, Department of Justice, Main Road, Giyani</t>
  </si>
  <si>
    <t>Main Rd, Thohoyandou-P, Thohoyandou</t>
  </si>
  <si>
    <t>Grobler's Bridge border post Limpopo</t>
  </si>
  <si>
    <t>R47 Gaborone Road, Kopfontein Border Post</t>
  </si>
  <si>
    <t>Nelson Mandela Drive, Ramatlabama</t>
  </si>
  <si>
    <t>CNR of John Beer Drive &amp; N2, Hillcrest Shopping Centre, Mthatha, 5099</t>
  </si>
  <si>
    <t>3-36 Phillip Frame Road, Chislehurst, Waverly, East London</t>
  </si>
  <si>
    <t>Cnr of Winston Ntshona &amp; John Kani Road, Central, Gqeberha (PE)</t>
  </si>
  <si>
    <t>3 Winston Ntshona Street, Central, Gqeberha (PE)</t>
  </si>
  <si>
    <t>Corkwood Square Mall, Union Avenue, Kariega (Uitenhage)</t>
  </si>
  <si>
    <t>Coega Business Centre, Corner Alcyon Rd &amp; Zibuko Street</t>
  </si>
  <si>
    <t>201 Dr Pixley Kaseme Str, Durban</t>
  </si>
  <si>
    <t>960 Bayhead Road, Durban</t>
  </si>
  <si>
    <t>The Boulevard Shopping Centre, Richards Bay</t>
  </si>
  <si>
    <t>King Shaka International Airport</t>
  </si>
  <si>
    <t>9 Armitage Road</t>
  </si>
  <si>
    <t>16 Bisset Street</t>
  </si>
  <si>
    <t>29 Equinox Drive</t>
  </si>
  <si>
    <t>36 Scott Street, Newcastle</t>
  </si>
  <si>
    <t>45 Josiah Gumede Road, Union Main Centre</t>
  </si>
  <si>
    <t>Golela Border Post, Golela Port of Entry end of P720 Road</t>
  </si>
  <si>
    <t>14 Strand Road, Bellville </t>
  </si>
  <si>
    <t>Liberty Promenade Shopping Centre, AZ Berman Drive, Beacon Valley, Mitchells Plain</t>
  </si>
  <si>
    <t>17 Lower Long St</t>
  </si>
  <si>
    <t>22 Hans Strijdom Av</t>
  </si>
  <si>
    <t> 22 Hans Strydom Avenue, Cape Town</t>
  </si>
  <si>
    <r>
      <t>1 Platinum Drive, Edenpark, George</t>
    </r>
    <r>
      <rPr>
        <sz val="10"/>
        <color rgb="FF0A0A0A"/>
        <rFont val="Arial"/>
        <family val="2"/>
      </rPr>
      <t>.</t>
    </r>
  </si>
  <si>
    <t>19/20 Market Street, Paarl</t>
  </si>
  <si>
    <t>59 Church St, Worcester Central, Worcester</t>
  </si>
  <si>
    <t>C/o Piet Retief &amp; School Streets, Stellenbosch</t>
  </si>
  <si>
    <t>1 Mispel road Oakdale Bellville</t>
  </si>
  <si>
    <t xml:space="preserve">Cape Town-Cowrie Place </t>
  </si>
  <si>
    <t xml:space="preserve">Cape Town Habour </t>
  </si>
  <si>
    <t>Free State</t>
  </si>
  <si>
    <t>Bloemfontein Office</t>
  </si>
  <si>
    <t>Ficksburg Border Post</t>
  </si>
  <si>
    <t>Calendonspoort Border Post</t>
  </si>
  <si>
    <t>Maseru Bridge Border  Post</t>
  </si>
  <si>
    <t>Van Rooyen's Border Post</t>
  </si>
  <si>
    <t>Qacha's Nek Border Post</t>
  </si>
  <si>
    <t>Kosibay Border Post</t>
  </si>
  <si>
    <t>Golela Border Post</t>
  </si>
  <si>
    <t>Old Cheese factory, Ladybrand</t>
  </si>
  <si>
    <t>Near Fouriesburg Butha Buthe, Lesotho</t>
  </si>
  <si>
    <t>Bloem Street</t>
  </si>
  <si>
    <t>Near Wepener, Mafeteng</t>
  </si>
  <si>
    <t>88 Zastron Street, Bloemfontein Central</t>
  </si>
  <si>
    <t>VMCP+77J Bellford, Lesotho</t>
  </si>
  <si>
    <t>R22 Emanguzi/KwanGwanase, Northern Kwazulu Natal</t>
  </si>
  <si>
    <t>1 Service Provider to service</t>
  </si>
  <si>
    <t>Durban-Trescon House</t>
  </si>
  <si>
    <t>1 Service provider to service</t>
  </si>
  <si>
    <t>Gauteng South - Cluster 1</t>
  </si>
  <si>
    <t>Cluster 4</t>
  </si>
  <si>
    <t>Cluster 8</t>
  </si>
  <si>
    <t>Cluster 9</t>
  </si>
  <si>
    <t>Cluster 10</t>
  </si>
  <si>
    <t>Cluster 11</t>
  </si>
  <si>
    <t>Cluster 12</t>
  </si>
  <si>
    <t>Cluster 13</t>
  </si>
  <si>
    <t>Cluster 14</t>
  </si>
  <si>
    <t>Cluster 15</t>
  </si>
  <si>
    <t>Gauteng South - Cluster 2</t>
  </si>
  <si>
    <t>Gauteng North (Head Office and Central) - Cluster 3</t>
  </si>
  <si>
    <t>Cluster 5                                                                                                                                                                                                                   •1 Service Provider to service Lowv</t>
  </si>
  <si>
    <t xml:space="preserve">Cluster 6                                                                                                                                                                                                                  •1 Service Provider to service Lowveld area </t>
  </si>
  <si>
    <t>Cluster 16</t>
  </si>
  <si>
    <t>•	1 Service Providers to service Gauteng South</t>
  </si>
  <si>
    <t>•	1 Service Providers to service Gauteng North (Head Office and Central)</t>
  </si>
  <si>
    <t>RSA/ Mozambique Border Post, End N4</t>
  </si>
  <si>
    <t>Cluster 7                                                                                                                                                                                                                 1 Service Provider to be service Highveld area</t>
  </si>
  <si>
    <t>Cape Town -P166</t>
  </si>
  <si>
    <t>Cape Town -Parliament Building - Bellville-Parc Du Cap,Sandel Building,</t>
  </si>
  <si>
    <t>ANNEXURE C  - BIDDER'S TICK SHEET: RFP 10/2026 APPOINTMENT OF SERVICE PROVIDERS FOR THE SUPPLY AND DELIVERY OF STATIONERY FOR A PERIOD OF 3 YEAR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5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b/>
      <sz val="11"/>
      <color rgb="FF000000"/>
      <name val="Arial Narrow"/>
      <family val="2"/>
    </font>
    <font>
      <sz val="11"/>
      <color rgb="FF000000"/>
      <name val="Calibri"/>
      <family val="2"/>
    </font>
    <font>
      <sz val="10"/>
      <name val="Arial"/>
      <family val="2"/>
    </font>
    <font>
      <sz val="11"/>
      <name val="Calibri"/>
      <family val="2"/>
    </font>
    <font>
      <sz val="11"/>
      <color rgb="FF000000"/>
      <name val="Aptos Narrow"/>
      <family val="2"/>
      <scheme val="minor"/>
    </font>
    <font>
      <sz val="10"/>
      <color rgb="FF0A0A0A"/>
      <name val="Arial"/>
      <family val="2"/>
    </font>
    <font>
      <sz val="11"/>
      <color rgb="FF000000"/>
      <name val="Aptos"/>
      <family val="2"/>
    </font>
    <font>
      <sz val="12"/>
      <color theme="1"/>
      <name val="Aptos Narrow"/>
      <family val="2"/>
      <scheme val="minor"/>
    </font>
    <font>
      <sz val="11"/>
      <name val="Aptos Narrow"/>
      <family val="2"/>
      <scheme val="minor"/>
    </font>
    <font>
      <u/>
      <sz val="11"/>
      <color theme="10"/>
      <name val="Aptos Narrow"/>
      <family val="2"/>
      <scheme val="minor"/>
    </font>
    <font>
      <sz val="11"/>
      <color theme="1"/>
      <name val="Aptos Narrow"/>
      <family val="2"/>
      <scheme val="minor"/>
    </font>
    <font>
      <b/>
      <sz val="11"/>
      <color rgb="FF000000"/>
      <name val="Calibri"/>
      <family val="2"/>
    </font>
    <font>
      <b/>
      <sz val="11"/>
      <color rgb="FF000000"/>
      <name val="Aptos Narrow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rgb="FFA5C9EB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4" fillId="0" borderId="0"/>
    <xf numFmtId="0" fontId="11" fillId="0" borderId="0" applyNumberFormat="0" applyFill="0" applyBorder="0" applyAlignment="0" applyProtection="0"/>
  </cellStyleXfs>
  <cellXfs count="49">
    <xf numFmtId="0" fontId="0" fillId="0" borderId="0" xfId="0"/>
    <xf numFmtId="0" fontId="1" fillId="0" borderId="0" xfId="0" applyFont="1" applyAlignment="1">
      <alignment vertical="center"/>
    </xf>
    <xf numFmtId="0" fontId="0" fillId="0" borderId="0" xfId="0" applyAlignment="1">
      <alignment vertical="center"/>
    </xf>
    <xf numFmtId="0" fontId="0" fillId="4" borderId="0" xfId="0" applyFill="1" applyAlignment="1">
      <alignment vertical="center"/>
    </xf>
    <xf numFmtId="0" fontId="0" fillId="0" borderId="1" xfId="0" applyBorder="1" applyAlignment="1">
      <alignment vertical="center" wrapText="1"/>
    </xf>
    <xf numFmtId="0" fontId="0" fillId="0" borderId="1" xfId="0" applyBorder="1" applyAlignment="1">
      <alignment vertical="center"/>
    </xf>
    <xf numFmtId="0" fontId="0" fillId="0" borderId="1" xfId="0" applyBorder="1" applyAlignment="1">
      <alignment horizontal="left" vertical="center"/>
    </xf>
    <xf numFmtId="0" fontId="8" fillId="0" borderId="1" xfId="0" applyFont="1" applyBorder="1" applyAlignment="1">
      <alignment horizontal="left" vertical="center" wrapText="1"/>
    </xf>
    <xf numFmtId="0" fontId="0" fillId="4" borderId="1" xfId="0" applyFill="1" applyBorder="1" applyAlignment="1">
      <alignment vertical="center" wrapText="1"/>
    </xf>
    <xf numFmtId="0" fontId="10" fillId="0" borderId="1" xfId="0" applyFont="1" applyBorder="1" applyAlignment="1">
      <alignment vertical="center" wrapText="1"/>
    </xf>
    <xf numFmtId="0" fontId="8" fillId="0" borderId="1" xfId="0" applyFont="1" applyBorder="1" applyAlignment="1">
      <alignment vertical="center"/>
    </xf>
    <xf numFmtId="0" fontId="0" fillId="4" borderId="1" xfId="0" applyFill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1" fillId="3" borderId="1" xfId="0" applyFont="1" applyFill="1" applyBorder="1" applyAlignment="1">
      <alignment vertical="center"/>
    </xf>
    <xf numFmtId="0" fontId="1" fillId="3" borderId="1" xfId="0" applyFont="1" applyFill="1" applyBorder="1" applyAlignment="1">
      <alignment horizontal="justify" vertical="center" wrapText="1"/>
    </xf>
    <xf numFmtId="0" fontId="0" fillId="3" borderId="1" xfId="0" applyFill="1" applyBorder="1" applyAlignment="1">
      <alignment vertical="center"/>
    </xf>
    <xf numFmtId="0" fontId="3" fillId="0" borderId="1" xfId="0" applyFont="1" applyBorder="1" applyAlignment="1">
      <alignment vertical="center" wrapText="1"/>
    </xf>
    <xf numFmtId="0" fontId="2" fillId="2" borderId="1" xfId="0" applyFont="1" applyFill="1" applyBorder="1" applyAlignment="1">
      <alignment vertical="center" wrapText="1"/>
    </xf>
    <xf numFmtId="0" fontId="1" fillId="3" borderId="1" xfId="0" applyFont="1" applyFill="1" applyBorder="1" applyAlignment="1">
      <alignment horizontal="justify" vertical="center"/>
    </xf>
    <xf numFmtId="0" fontId="0" fillId="3" borderId="1" xfId="0" applyFill="1" applyBorder="1" applyAlignment="1">
      <alignment horizontal="justify" vertical="center"/>
    </xf>
    <xf numFmtId="0" fontId="12" fillId="0" borderId="1" xfId="0" applyFont="1" applyBorder="1" applyAlignment="1">
      <alignment vertical="center" wrapText="1"/>
    </xf>
    <xf numFmtId="0" fontId="1" fillId="0" borderId="1" xfId="0" applyFont="1" applyBorder="1" applyAlignment="1">
      <alignment vertical="center" wrapText="1"/>
    </xf>
    <xf numFmtId="0" fontId="1" fillId="0" borderId="1" xfId="0" applyFont="1" applyBorder="1" applyAlignment="1">
      <alignment vertical="center"/>
    </xf>
    <xf numFmtId="0" fontId="1" fillId="0" borderId="1" xfId="0" applyFont="1" applyBorder="1" applyAlignment="1">
      <alignment horizontal="justify" vertical="center" wrapTex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1" fillId="0" borderId="0" xfId="0" applyFont="1" applyAlignment="1">
      <alignment horizontal="justify" vertical="center" wrapText="1"/>
    </xf>
    <xf numFmtId="0" fontId="0" fillId="0" borderId="0" xfId="0" applyAlignment="1">
      <alignment horizontal="justify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/>
    </xf>
    <xf numFmtId="0" fontId="5" fillId="0" borderId="1" xfId="0" applyFont="1" applyBorder="1" applyAlignment="1">
      <alignment horizontal="left" vertical="center" wrapText="1"/>
    </xf>
    <xf numFmtId="0" fontId="10" fillId="0" borderId="1" xfId="2" applyFont="1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1" fillId="0" borderId="1" xfId="0" applyFont="1" applyFill="1" applyBorder="1" applyAlignment="1">
      <alignment vertical="center"/>
    </xf>
    <xf numFmtId="0" fontId="1" fillId="0" borderId="1" xfId="0" applyFont="1" applyFill="1" applyBorder="1" applyAlignment="1">
      <alignment vertical="center" wrapText="1"/>
    </xf>
    <xf numFmtId="0" fontId="0" fillId="0" borderId="1" xfId="0" applyFill="1" applyBorder="1" applyAlignment="1">
      <alignment vertical="center"/>
    </xf>
    <xf numFmtId="0" fontId="3" fillId="0" borderId="1" xfId="0" applyFont="1" applyFill="1" applyBorder="1" applyAlignment="1">
      <alignment vertical="center" wrapText="1"/>
    </xf>
    <xf numFmtId="0" fontId="6" fillId="0" borderId="1" xfId="0" applyFont="1" applyFill="1" applyBorder="1" applyAlignment="1">
      <alignment vertical="center"/>
    </xf>
    <xf numFmtId="0" fontId="0" fillId="0" borderId="1" xfId="0" applyFill="1" applyBorder="1" applyAlignment="1">
      <alignment vertical="center"/>
    </xf>
    <xf numFmtId="0" fontId="13" fillId="0" borderId="1" xfId="0" applyFont="1" applyFill="1" applyBorder="1" applyAlignment="1">
      <alignment vertical="center" wrapText="1"/>
    </xf>
    <xf numFmtId="0" fontId="0" fillId="0" borderId="2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1" xfId="0" applyFill="1" applyBorder="1" applyAlignment="1">
      <alignment vertical="center" wrapText="1"/>
    </xf>
    <xf numFmtId="0" fontId="6" fillId="0" borderId="1" xfId="0" applyFont="1" applyFill="1" applyBorder="1" applyAlignment="1">
      <alignment vertical="center" wrapText="1"/>
    </xf>
    <xf numFmtId="0" fontId="1" fillId="4" borderId="1" xfId="0" applyFont="1" applyFill="1" applyBorder="1" applyAlignment="1">
      <alignment vertical="center"/>
    </xf>
    <xf numFmtId="0" fontId="14" fillId="0" borderId="1" xfId="0" applyFont="1" applyBorder="1" applyAlignment="1">
      <alignment vertical="center" wrapText="1"/>
    </xf>
  </cellXfs>
  <cellStyles count="3">
    <cellStyle name="Hyperlink" xfId="2" builtinId="8"/>
    <cellStyle name="Normal" xfId="0" builtinId="0"/>
    <cellStyle name="Normal 2 2" xfId="1" xr:uid="{8D6B90ED-5B99-45C2-9028-EF752A4E538F}"/>
  </cellStyles>
  <dxfs count="0"/>
  <tableStyles count="1" defaultTableStyle="TableStyleMedium2" defaultPivotStyle="PivotStyleLight16">
    <tableStyle name="Invisible" pivot="0" table="0" count="0" xr9:uid="{63A3CA7F-16E7-4D81-B3AD-90AD7BBF50A4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www.google.com/url?sa=i&amp;source=web&amp;rct=j&amp;url=https://www.sars.gov.za/customs-and-excise/excise/excise-offices/&amp;ved=2ahUKEwiXuan1uaSTAxW9a0EAHVFoO-sQy_kOegQIARAB&amp;opi=89978449&amp;cd&amp;psig=AOvVaw3w8BgCSRK6TcLRDzc2vKjp&amp;ust=1773751641423000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A7FED1-C8F0-4A3B-B263-7F485C6B35E7}">
  <sheetPr>
    <pageSetUpPr fitToPage="1"/>
  </sheetPr>
  <dimension ref="B1:D109"/>
  <sheetViews>
    <sheetView tabSelected="1" zoomScale="90" zoomScaleNormal="90" workbookViewId="0">
      <selection activeCell="B9" sqref="B9"/>
    </sheetView>
  </sheetViews>
  <sheetFormatPr defaultColWidth="9.09765625" defaultRowHeight="14.4" x14ac:dyDescent="0.3"/>
  <cols>
    <col min="1" max="1" width="9.09765625" style="2"/>
    <col min="2" max="2" width="76.69921875" style="2" customWidth="1"/>
    <col min="3" max="3" width="86.59765625" style="2" customWidth="1"/>
    <col min="4" max="4" width="30.59765625" style="2" customWidth="1"/>
    <col min="5" max="16384" width="9.09765625" style="2"/>
  </cols>
  <sheetData>
    <row r="1" spans="2:4" ht="29.55" customHeight="1" x14ac:dyDescent="0.3">
      <c r="B1" s="26" t="s">
        <v>189</v>
      </c>
      <c r="C1" s="27"/>
      <c r="D1" s="27"/>
    </row>
    <row r="3" spans="2:4" x14ac:dyDescent="0.3">
      <c r="B3" s="1" t="s">
        <v>36</v>
      </c>
    </row>
    <row r="5" spans="2:4" x14ac:dyDescent="0.3">
      <c r="B5" s="2" t="s">
        <v>65</v>
      </c>
    </row>
    <row r="6" spans="2:4" ht="20.2" customHeight="1" x14ac:dyDescent="0.3">
      <c r="B6" s="17" t="s">
        <v>0</v>
      </c>
      <c r="C6" s="17" t="s">
        <v>66</v>
      </c>
      <c r="D6" s="17" t="s">
        <v>1</v>
      </c>
    </row>
    <row r="7" spans="2:4" ht="20.2" customHeight="1" x14ac:dyDescent="0.3">
      <c r="B7" s="13" t="s">
        <v>2</v>
      </c>
      <c r="C7" s="14"/>
      <c r="D7" s="15"/>
    </row>
    <row r="8" spans="2:4" s="1" customFormat="1" ht="20.2" customHeight="1" x14ac:dyDescent="0.3">
      <c r="B8" s="35" t="s">
        <v>168</v>
      </c>
      <c r="C8" s="35" t="s">
        <v>183</v>
      </c>
      <c r="D8" s="37"/>
    </row>
    <row r="9" spans="2:4" ht="20.2" customHeight="1" x14ac:dyDescent="0.3">
      <c r="B9" s="38" t="s">
        <v>49</v>
      </c>
      <c r="C9" s="39" t="s">
        <v>79</v>
      </c>
      <c r="D9" s="40"/>
    </row>
    <row r="10" spans="2:4" ht="20.2" customHeight="1" x14ac:dyDescent="0.3">
      <c r="B10" s="38" t="s">
        <v>31</v>
      </c>
      <c r="C10" s="39" t="s">
        <v>80</v>
      </c>
      <c r="D10" s="40"/>
    </row>
    <row r="11" spans="2:4" ht="20.2" customHeight="1" x14ac:dyDescent="0.3">
      <c r="B11" s="38" t="s">
        <v>50</v>
      </c>
      <c r="C11" s="37" t="s">
        <v>84</v>
      </c>
      <c r="D11" s="40"/>
    </row>
    <row r="12" spans="2:4" ht="20.2" customHeight="1" x14ac:dyDescent="0.3">
      <c r="B12" s="38" t="s">
        <v>48</v>
      </c>
      <c r="C12" s="39" t="s">
        <v>83</v>
      </c>
      <c r="D12" s="40"/>
    </row>
    <row r="13" spans="2:4" ht="20.2" customHeight="1" x14ac:dyDescent="0.3">
      <c r="B13" s="38" t="s">
        <v>46</v>
      </c>
      <c r="C13" s="39" t="s">
        <v>81</v>
      </c>
      <c r="D13" s="40"/>
    </row>
    <row r="14" spans="2:4" ht="20.2" customHeight="1" x14ac:dyDescent="0.3">
      <c r="B14" s="38" t="s">
        <v>47</v>
      </c>
      <c r="C14" s="39" t="s">
        <v>82</v>
      </c>
      <c r="D14" s="40"/>
    </row>
    <row r="15" spans="2:4" ht="20.2" customHeight="1" x14ac:dyDescent="0.3">
      <c r="B15" s="41" t="s">
        <v>178</v>
      </c>
      <c r="C15" s="35" t="s">
        <v>183</v>
      </c>
      <c r="D15" s="35"/>
    </row>
    <row r="16" spans="2:4" ht="20.2" customHeight="1" x14ac:dyDescent="0.3">
      <c r="B16" s="38" t="s">
        <v>58</v>
      </c>
      <c r="C16" s="39" t="s">
        <v>77</v>
      </c>
      <c r="D16" s="42"/>
    </row>
    <row r="17" spans="2:4" ht="20.2" customHeight="1" x14ac:dyDescent="0.3">
      <c r="B17" s="38" t="s">
        <v>59</v>
      </c>
      <c r="C17" s="39" t="s">
        <v>78</v>
      </c>
      <c r="D17" s="43"/>
    </row>
    <row r="18" spans="2:4" s="1" customFormat="1" ht="20.2" customHeight="1" x14ac:dyDescent="0.3">
      <c r="B18" s="38" t="s">
        <v>11</v>
      </c>
      <c r="C18" s="37" t="s">
        <v>91</v>
      </c>
      <c r="D18" s="43"/>
    </row>
    <row r="19" spans="2:4" s="1" customFormat="1" ht="20.2" customHeight="1" x14ac:dyDescent="0.3">
      <c r="B19" s="38" t="s">
        <v>12</v>
      </c>
      <c r="C19" s="37" t="s">
        <v>92</v>
      </c>
      <c r="D19" s="43"/>
    </row>
    <row r="20" spans="2:4" s="1" customFormat="1" ht="20.2" customHeight="1" x14ac:dyDescent="0.3">
      <c r="B20" s="38" t="s">
        <v>29</v>
      </c>
      <c r="C20" s="37" t="s">
        <v>94</v>
      </c>
      <c r="D20" s="43"/>
    </row>
    <row r="21" spans="2:4" s="1" customFormat="1" ht="20.2" customHeight="1" x14ac:dyDescent="0.3">
      <c r="B21" s="38" t="s">
        <v>30</v>
      </c>
      <c r="C21" s="37" t="s">
        <v>93</v>
      </c>
      <c r="D21" s="44"/>
    </row>
    <row r="22" spans="2:4" s="1" customFormat="1" ht="20.2" customHeight="1" x14ac:dyDescent="0.3">
      <c r="B22" s="35" t="s">
        <v>179</v>
      </c>
      <c r="C22" s="36" t="s">
        <v>184</v>
      </c>
      <c r="D22" s="37"/>
    </row>
    <row r="23" spans="2:4" s="1" customFormat="1" ht="20.2" customHeight="1" x14ac:dyDescent="0.3">
      <c r="B23" s="16" t="s">
        <v>8</v>
      </c>
      <c r="C23" s="5" t="s">
        <v>85</v>
      </c>
      <c r="D23" s="25"/>
    </row>
    <row r="24" spans="2:4" s="1" customFormat="1" ht="20.2" customHeight="1" x14ac:dyDescent="0.3">
      <c r="B24" s="16" t="s">
        <v>60</v>
      </c>
      <c r="C24" s="5" t="s">
        <v>86</v>
      </c>
      <c r="D24" s="25"/>
    </row>
    <row r="25" spans="2:4" s="1" customFormat="1" ht="20.2" customHeight="1" x14ac:dyDescent="0.3">
      <c r="B25" s="16" t="s">
        <v>61</v>
      </c>
      <c r="C25" s="5" t="s">
        <v>87</v>
      </c>
      <c r="D25" s="25"/>
    </row>
    <row r="26" spans="2:4" s="1" customFormat="1" ht="20.2" customHeight="1" x14ac:dyDescent="0.3">
      <c r="B26" s="30" t="s">
        <v>62</v>
      </c>
      <c r="C26" s="5" t="s">
        <v>88</v>
      </c>
      <c r="D26" s="25"/>
    </row>
    <row r="27" spans="2:4" s="1" customFormat="1" ht="20.2" customHeight="1" x14ac:dyDescent="0.3">
      <c r="B27" s="16" t="s">
        <v>63</v>
      </c>
      <c r="C27" s="5" t="s">
        <v>95</v>
      </c>
      <c r="D27" s="25"/>
    </row>
    <row r="28" spans="2:4" s="1" customFormat="1" ht="20.2" customHeight="1" x14ac:dyDescent="0.3">
      <c r="B28" s="16" t="s">
        <v>8</v>
      </c>
      <c r="C28" s="5" t="s">
        <v>85</v>
      </c>
      <c r="D28" s="25"/>
    </row>
    <row r="29" spans="2:4" s="1" customFormat="1" ht="20.2" customHeight="1" x14ac:dyDescent="0.3">
      <c r="B29" s="16" t="s">
        <v>9</v>
      </c>
      <c r="C29" s="5" t="s">
        <v>89</v>
      </c>
      <c r="D29" s="25"/>
    </row>
    <row r="30" spans="2:4" s="1" customFormat="1" ht="20.2" customHeight="1" x14ac:dyDescent="0.3">
      <c r="B30" s="16" t="s">
        <v>10</v>
      </c>
      <c r="C30" s="5" t="s">
        <v>90</v>
      </c>
      <c r="D30" s="25"/>
    </row>
    <row r="31" spans="2:4" ht="20.2" customHeight="1" x14ac:dyDescent="0.3">
      <c r="B31" s="13" t="s">
        <v>3</v>
      </c>
      <c r="C31" s="14"/>
      <c r="D31" s="15"/>
    </row>
    <row r="32" spans="2:4" ht="20.2" customHeight="1" x14ac:dyDescent="0.3">
      <c r="B32" s="22" t="s">
        <v>169</v>
      </c>
      <c r="C32" s="23" t="s">
        <v>165</v>
      </c>
      <c r="D32" s="32"/>
    </row>
    <row r="33" spans="2:4" ht="20.2" customHeight="1" x14ac:dyDescent="0.3">
      <c r="B33" s="5" t="s">
        <v>43</v>
      </c>
      <c r="C33" s="5" t="s">
        <v>114</v>
      </c>
      <c r="D33" s="33"/>
    </row>
    <row r="34" spans="2:4" ht="20.2" customHeight="1" x14ac:dyDescent="0.3">
      <c r="B34" s="5" t="s">
        <v>42</v>
      </c>
      <c r="C34" s="5" t="s">
        <v>115</v>
      </c>
      <c r="D34" s="33"/>
    </row>
    <row r="35" spans="2:4" ht="20.2" customHeight="1" x14ac:dyDescent="0.3">
      <c r="B35" s="5" t="s">
        <v>41</v>
      </c>
      <c r="C35" s="5" t="s">
        <v>116</v>
      </c>
      <c r="D35" s="33"/>
    </row>
    <row r="36" spans="2:4" ht="20.2" customHeight="1" x14ac:dyDescent="0.3">
      <c r="B36" s="5" t="s">
        <v>40</v>
      </c>
      <c r="C36" s="5" t="s">
        <v>118</v>
      </c>
      <c r="D36" s="34"/>
    </row>
    <row r="37" spans="2:4" ht="20.2" customHeight="1" x14ac:dyDescent="0.3">
      <c r="B37" s="22" t="s">
        <v>180</v>
      </c>
      <c r="C37" s="22" t="s">
        <v>165</v>
      </c>
      <c r="D37" s="32"/>
    </row>
    <row r="38" spans="2:4" ht="20.2" customHeight="1" x14ac:dyDescent="0.3">
      <c r="B38" s="5" t="s">
        <v>68</v>
      </c>
      <c r="C38" s="5" t="s">
        <v>117</v>
      </c>
      <c r="D38" s="33"/>
    </row>
    <row r="39" spans="2:4" ht="20.2" customHeight="1" x14ac:dyDescent="0.3">
      <c r="B39" s="5" t="s">
        <v>69</v>
      </c>
      <c r="C39" s="5" t="s">
        <v>67</v>
      </c>
      <c r="D39" s="34"/>
    </row>
    <row r="40" spans="2:4" ht="20.2" customHeight="1" x14ac:dyDescent="0.3">
      <c r="B40" s="13" t="s">
        <v>4</v>
      </c>
      <c r="C40" s="14"/>
      <c r="D40" s="15"/>
    </row>
    <row r="41" spans="2:4" ht="20.2" customHeight="1" x14ac:dyDescent="0.3">
      <c r="B41" s="28" t="s">
        <v>181</v>
      </c>
      <c r="C41" s="29"/>
      <c r="D41" s="29"/>
    </row>
    <row r="42" spans="2:4" ht="20.2" customHeight="1" x14ac:dyDescent="0.3">
      <c r="B42" s="4" t="s">
        <v>105</v>
      </c>
      <c r="C42" s="5" t="s">
        <v>104</v>
      </c>
      <c r="D42" s="24"/>
    </row>
    <row r="43" spans="2:4" ht="20.2" customHeight="1" x14ac:dyDescent="0.3">
      <c r="B43" s="4" t="s">
        <v>106</v>
      </c>
      <c r="C43" s="10" t="s">
        <v>112</v>
      </c>
      <c r="D43" s="24"/>
    </row>
    <row r="44" spans="2:4" ht="20.2" customHeight="1" x14ac:dyDescent="0.3">
      <c r="B44" s="4" t="s">
        <v>107</v>
      </c>
      <c r="C44" s="10" t="s">
        <v>111</v>
      </c>
      <c r="D44" s="24"/>
    </row>
    <row r="45" spans="2:4" ht="20.2" customHeight="1" x14ac:dyDescent="0.3">
      <c r="B45" s="4" t="s">
        <v>108</v>
      </c>
      <c r="C45" s="10" t="s">
        <v>110</v>
      </c>
      <c r="D45" s="24"/>
    </row>
    <row r="46" spans="2:4" ht="20.2" customHeight="1" x14ac:dyDescent="0.3">
      <c r="B46" s="4" t="s">
        <v>109</v>
      </c>
      <c r="C46" s="4" t="s">
        <v>185</v>
      </c>
      <c r="D46" s="24"/>
    </row>
    <row r="47" spans="2:4" ht="20.2" customHeight="1" x14ac:dyDescent="0.3">
      <c r="B47" s="28" t="s">
        <v>186</v>
      </c>
      <c r="C47" s="29"/>
      <c r="D47" s="29"/>
    </row>
    <row r="48" spans="2:4" ht="20.2" customHeight="1" x14ac:dyDescent="0.3">
      <c r="B48" s="4" t="s">
        <v>100</v>
      </c>
      <c r="C48" s="6" t="s">
        <v>113</v>
      </c>
      <c r="D48" s="24"/>
    </row>
    <row r="49" spans="2:4" ht="20.2" customHeight="1" x14ac:dyDescent="0.3">
      <c r="B49" s="4" t="s">
        <v>45</v>
      </c>
      <c r="C49" s="6" t="s">
        <v>99</v>
      </c>
      <c r="D49" s="24"/>
    </row>
    <row r="50" spans="2:4" ht="20.2" customHeight="1" x14ac:dyDescent="0.3">
      <c r="B50" s="4" t="s">
        <v>96</v>
      </c>
      <c r="C50" s="7" t="s">
        <v>101</v>
      </c>
      <c r="D50" s="24"/>
    </row>
    <row r="51" spans="2:4" ht="20.2" customHeight="1" x14ac:dyDescent="0.3">
      <c r="B51" s="4" t="s">
        <v>97</v>
      </c>
      <c r="C51" s="7" t="s">
        <v>103</v>
      </c>
      <c r="D51" s="24"/>
    </row>
    <row r="52" spans="2:4" ht="20.2" customHeight="1" x14ac:dyDescent="0.3">
      <c r="B52" s="4" t="s">
        <v>98</v>
      </c>
      <c r="C52" s="7" t="s">
        <v>102</v>
      </c>
      <c r="D52" s="24"/>
    </row>
    <row r="53" spans="2:4" ht="20.2" customHeight="1" x14ac:dyDescent="0.3">
      <c r="B53" s="13" t="s">
        <v>5</v>
      </c>
      <c r="C53" s="14"/>
      <c r="D53" s="15"/>
    </row>
    <row r="54" spans="2:4" s="1" customFormat="1" ht="20.2" customHeight="1" x14ac:dyDescent="0.3">
      <c r="B54" s="21" t="s">
        <v>170</v>
      </c>
      <c r="C54" s="22" t="s">
        <v>28</v>
      </c>
      <c r="D54" s="24"/>
    </row>
    <row r="55" spans="2:4" ht="20.2" customHeight="1" x14ac:dyDescent="0.3">
      <c r="B55" s="4" t="s">
        <v>187</v>
      </c>
      <c r="C55" s="4" t="s">
        <v>141</v>
      </c>
      <c r="D55" s="24"/>
    </row>
    <row r="56" spans="2:4" ht="20.2" customHeight="1" x14ac:dyDescent="0.3">
      <c r="B56" s="4" t="s">
        <v>188</v>
      </c>
      <c r="C56" s="4" t="s">
        <v>141</v>
      </c>
      <c r="D56" s="24"/>
    </row>
    <row r="57" spans="2:4" ht="20.2" customHeight="1" x14ac:dyDescent="0.3">
      <c r="B57" s="4" t="s">
        <v>51</v>
      </c>
      <c r="C57" s="4" t="s">
        <v>139</v>
      </c>
      <c r="D57" s="24"/>
    </row>
    <row r="58" spans="2:4" ht="20.2" customHeight="1" x14ac:dyDescent="0.3">
      <c r="B58" s="4" t="s">
        <v>52</v>
      </c>
      <c r="C58" s="4" t="s">
        <v>140</v>
      </c>
      <c r="D58" s="24"/>
    </row>
    <row r="59" spans="2:4" ht="20.2" customHeight="1" x14ac:dyDescent="0.3">
      <c r="B59" s="4" t="s">
        <v>147</v>
      </c>
      <c r="C59" s="31" t="s">
        <v>148</v>
      </c>
      <c r="D59" s="24"/>
    </row>
    <row r="60" spans="2:4" ht="20.2" customHeight="1" x14ac:dyDescent="0.3">
      <c r="B60" s="4" t="s">
        <v>53</v>
      </c>
      <c r="C60" s="20" t="s">
        <v>143</v>
      </c>
      <c r="D60" s="24"/>
    </row>
    <row r="61" spans="2:4" ht="20.2" customHeight="1" x14ac:dyDescent="0.3">
      <c r="B61" s="4" t="s">
        <v>44</v>
      </c>
      <c r="C61" s="20" t="s">
        <v>146</v>
      </c>
      <c r="D61" s="24"/>
    </row>
    <row r="62" spans="2:4" ht="20.2" customHeight="1" x14ac:dyDescent="0.3">
      <c r="B62" s="4" t="s">
        <v>54</v>
      </c>
      <c r="C62" s="20" t="s">
        <v>137</v>
      </c>
      <c r="D62" s="24"/>
    </row>
    <row r="63" spans="2:4" ht="20.2" customHeight="1" x14ac:dyDescent="0.3">
      <c r="B63" s="4" t="s">
        <v>55</v>
      </c>
      <c r="C63" s="20" t="s">
        <v>144</v>
      </c>
      <c r="D63" s="24"/>
    </row>
    <row r="64" spans="2:4" ht="20.2" customHeight="1" x14ac:dyDescent="0.3">
      <c r="B64" s="4" t="s">
        <v>56</v>
      </c>
      <c r="C64" s="20" t="s">
        <v>138</v>
      </c>
      <c r="D64" s="24"/>
    </row>
    <row r="65" spans="2:4" ht="20.2" customHeight="1" x14ac:dyDescent="0.3">
      <c r="B65" s="4" t="s">
        <v>57</v>
      </c>
      <c r="C65" s="31" t="s">
        <v>145</v>
      </c>
      <c r="D65" s="24"/>
    </row>
    <row r="66" spans="2:4" ht="20.2" customHeight="1" x14ac:dyDescent="0.3">
      <c r="B66" s="5" t="s">
        <v>64</v>
      </c>
      <c r="C66" s="4" t="s">
        <v>142</v>
      </c>
      <c r="D66" s="24"/>
    </row>
    <row r="67" spans="2:4" ht="20.2" customHeight="1" x14ac:dyDescent="0.3">
      <c r="B67" s="13" t="s">
        <v>6</v>
      </c>
      <c r="C67" s="14"/>
      <c r="D67" s="15"/>
    </row>
    <row r="68" spans="2:4" ht="20.2" customHeight="1" x14ac:dyDescent="0.3">
      <c r="B68" s="22" t="s">
        <v>171</v>
      </c>
      <c r="C68" s="35" t="s">
        <v>33</v>
      </c>
      <c r="D68" s="5"/>
    </row>
    <row r="69" spans="2:4" s="3" customFormat="1" ht="20.2" customHeight="1" x14ac:dyDescent="0.3">
      <c r="B69" s="45" t="s">
        <v>22</v>
      </c>
      <c r="C69" s="46" t="s">
        <v>121</v>
      </c>
      <c r="D69" s="40"/>
    </row>
    <row r="70" spans="2:4" s="3" customFormat="1" ht="20.2" customHeight="1" x14ac:dyDescent="0.3">
      <c r="B70" s="45" t="s">
        <v>23</v>
      </c>
      <c r="C70" s="46" t="s">
        <v>122</v>
      </c>
      <c r="D70" s="40"/>
    </row>
    <row r="71" spans="2:4" ht="20.2" customHeight="1" x14ac:dyDescent="0.3">
      <c r="B71" s="36" t="s">
        <v>172</v>
      </c>
      <c r="C71" s="35" t="s">
        <v>34</v>
      </c>
      <c r="D71" s="37"/>
    </row>
    <row r="72" spans="2:4" ht="20.2" customHeight="1" x14ac:dyDescent="0.3">
      <c r="B72" s="45" t="s">
        <v>32</v>
      </c>
      <c r="C72" s="35"/>
      <c r="D72" s="37"/>
    </row>
    <row r="73" spans="2:4" ht="20.2" customHeight="1" x14ac:dyDescent="0.3">
      <c r="B73" s="45" t="s">
        <v>24</v>
      </c>
      <c r="C73" s="46" t="s">
        <v>123</v>
      </c>
      <c r="D73" s="40"/>
    </row>
    <row r="74" spans="2:4" ht="20.2" customHeight="1" x14ac:dyDescent="0.3">
      <c r="B74" s="45" t="s">
        <v>25</v>
      </c>
      <c r="C74" s="46" t="s">
        <v>124</v>
      </c>
      <c r="D74" s="40"/>
    </row>
    <row r="75" spans="2:4" ht="20.2" customHeight="1" x14ac:dyDescent="0.3">
      <c r="B75" s="45" t="s">
        <v>27</v>
      </c>
      <c r="C75" s="46" t="s">
        <v>125</v>
      </c>
      <c r="D75" s="40"/>
    </row>
    <row r="76" spans="2:4" ht="20.2" customHeight="1" x14ac:dyDescent="0.3">
      <c r="B76" s="45" t="s">
        <v>26</v>
      </c>
      <c r="C76" s="46" t="s">
        <v>126</v>
      </c>
      <c r="D76" s="40"/>
    </row>
    <row r="77" spans="2:4" ht="20.2" customHeight="1" x14ac:dyDescent="0.3">
      <c r="B77" s="13" t="s">
        <v>7</v>
      </c>
      <c r="C77" s="14"/>
      <c r="D77" s="15"/>
    </row>
    <row r="78" spans="2:4" s="1" customFormat="1" ht="20.2" customHeight="1" x14ac:dyDescent="0.3">
      <c r="B78" s="21" t="s">
        <v>173</v>
      </c>
      <c r="C78" s="47" t="s">
        <v>165</v>
      </c>
      <c r="D78" s="32"/>
    </row>
    <row r="79" spans="2:4" ht="20.2" customHeight="1" x14ac:dyDescent="0.3">
      <c r="B79" s="4" t="s">
        <v>39</v>
      </c>
      <c r="C79" s="11" t="s">
        <v>70</v>
      </c>
      <c r="D79" s="33"/>
    </row>
    <row r="80" spans="2:4" ht="20.2" customHeight="1" x14ac:dyDescent="0.3">
      <c r="B80" s="4" t="s">
        <v>38</v>
      </c>
      <c r="C80" s="11" t="s">
        <v>71</v>
      </c>
      <c r="D80" s="33"/>
    </row>
    <row r="81" spans="2:4" ht="20.2" customHeight="1" x14ac:dyDescent="0.3">
      <c r="B81" s="4" t="s">
        <v>37</v>
      </c>
      <c r="C81" s="11" t="s">
        <v>72</v>
      </c>
      <c r="D81" s="34"/>
    </row>
    <row r="82" spans="2:4" ht="20.2" customHeight="1" x14ac:dyDescent="0.3">
      <c r="B82" s="21" t="s">
        <v>174</v>
      </c>
      <c r="C82" s="11" t="s">
        <v>165</v>
      </c>
      <c r="D82" s="32"/>
    </row>
    <row r="83" spans="2:4" ht="20.2" customHeight="1" x14ac:dyDescent="0.3">
      <c r="B83" s="8" t="s">
        <v>73</v>
      </c>
      <c r="C83" s="11" t="s">
        <v>119</v>
      </c>
      <c r="D83" s="33"/>
    </row>
    <row r="84" spans="2:4" ht="20.2" customHeight="1" x14ac:dyDescent="0.3">
      <c r="B84" s="4" t="s">
        <v>74</v>
      </c>
      <c r="C84" s="11" t="s">
        <v>76</v>
      </c>
      <c r="D84" s="33"/>
    </row>
    <row r="85" spans="2:4" ht="20.2" customHeight="1" x14ac:dyDescent="0.3">
      <c r="B85" s="9" t="s">
        <v>75</v>
      </c>
      <c r="C85" s="5" t="s">
        <v>120</v>
      </c>
      <c r="D85" s="34"/>
    </row>
    <row r="86" spans="2:4" ht="20.2" customHeight="1" x14ac:dyDescent="0.3">
      <c r="B86" s="18" t="s">
        <v>35</v>
      </c>
      <c r="C86" s="14"/>
      <c r="D86" s="19"/>
    </row>
    <row r="87" spans="2:4" s="1" customFormat="1" ht="20.2" customHeight="1" x14ac:dyDescent="0.3">
      <c r="B87" s="21" t="s">
        <v>175</v>
      </c>
      <c r="C87" s="48" t="s">
        <v>165</v>
      </c>
      <c r="D87" s="32"/>
    </row>
    <row r="88" spans="2:4" ht="20.2" customHeight="1" x14ac:dyDescent="0.3">
      <c r="B88" s="4" t="s">
        <v>166</v>
      </c>
      <c r="C88" s="12" t="s">
        <v>127</v>
      </c>
      <c r="D88" s="33"/>
    </row>
    <row r="89" spans="2:4" ht="20.2" customHeight="1" x14ac:dyDescent="0.3">
      <c r="B89" s="4" t="s">
        <v>17</v>
      </c>
      <c r="C89" s="12" t="s">
        <v>128</v>
      </c>
      <c r="D89" s="33"/>
    </row>
    <row r="90" spans="2:4" ht="20.2" customHeight="1" x14ac:dyDescent="0.3">
      <c r="B90" s="4" t="s">
        <v>18</v>
      </c>
      <c r="C90" s="12" t="s">
        <v>129</v>
      </c>
      <c r="D90" s="33"/>
    </row>
    <row r="91" spans="2:4" ht="20.2" customHeight="1" x14ac:dyDescent="0.3">
      <c r="B91" s="4" t="s">
        <v>19</v>
      </c>
      <c r="C91" s="12" t="s">
        <v>129</v>
      </c>
      <c r="D91" s="33"/>
    </row>
    <row r="92" spans="2:4" ht="20.2" customHeight="1" x14ac:dyDescent="0.3">
      <c r="B92" s="4" t="s">
        <v>20</v>
      </c>
      <c r="C92" s="12" t="s">
        <v>130</v>
      </c>
      <c r="D92" s="33"/>
    </row>
    <row r="93" spans="2:4" ht="20.2" customHeight="1" x14ac:dyDescent="0.3">
      <c r="B93" s="4" t="s">
        <v>13</v>
      </c>
      <c r="C93" s="12" t="s">
        <v>131</v>
      </c>
      <c r="D93" s="33"/>
    </row>
    <row r="94" spans="2:4" ht="20.2" customHeight="1" x14ac:dyDescent="0.3">
      <c r="B94" s="4" t="s">
        <v>14</v>
      </c>
      <c r="C94" s="12" t="s">
        <v>132</v>
      </c>
      <c r="D94" s="33"/>
    </row>
    <row r="95" spans="2:4" ht="20.2" customHeight="1" x14ac:dyDescent="0.3">
      <c r="B95" s="4" t="s">
        <v>15</v>
      </c>
      <c r="C95" s="12" t="s">
        <v>133</v>
      </c>
      <c r="D95" s="33"/>
    </row>
    <row r="96" spans="2:4" ht="20.2" customHeight="1" x14ac:dyDescent="0.3">
      <c r="B96" s="4" t="s">
        <v>16</v>
      </c>
      <c r="C96" s="12" t="s">
        <v>134</v>
      </c>
      <c r="D96" s="33"/>
    </row>
    <row r="97" spans="2:4" ht="20.2" customHeight="1" x14ac:dyDescent="0.3">
      <c r="B97" s="4" t="s">
        <v>21</v>
      </c>
      <c r="C97" s="12" t="s">
        <v>135</v>
      </c>
      <c r="D97" s="33"/>
    </row>
    <row r="98" spans="2:4" ht="20.2" customHeight="1" x14ac:dyDescent="0.3">
      <c r="B98" s="4" t="s">
        <v>157</v>
      </c>
      <c r="C98" s="12" t="s">
        <v>136</v>
      </c>
      <c r="D98" s="34"/>
    </row>
    <row r="99" spans="2:4" s="1" customFormat="1" ht="20.2" customHeight="1" x14ac:dyDescent="0.3">
      <c r="B99" s="21" t="s">
        <v>176</v>
      </c>
      <c r="C99" s="48" t="s">
        <v>167</v>
      </c>
      <c r="D99" s="32"/>
    </row>
    <row r="100" spans="2:4" ht="20.2" customHeight="1" x14ac:dyDescent="0.3">
      <c r="B100" s="4" t="s">
        <v>156</v>
      </c>
      <c r="C100" s="12" t="s">
        <v>164</v>
      </c>
      <c r="D100" s="34"/>
    </row>
    <row r="101" spans="2:4" ht="20.2" customHeight="1" x14ac:dyDescent="0.3">
      <c r="B101" s="18" t="s">
        <v>149</v>
      </c>
      <c r="C101" s="14"/>
      <c r="D101" s="19"/>
    </row>
    <row r="102" spans="2:4" s="1" customFormat="1" ht="20.2" customHeight="1" x14ac:dyDescent="0.3">
      <c r="B102" s="21" t="s">
        <v>177</v>
      </c>
      <c r="C102" s="48" t="s">
        <v>167</v>
      </c>
      <c r="D102" s="32"/>
    </row>
    <row r="103" spans="2:4" ht="20.2" customHeight="1" x14ac:dyDescent="0.3">
      <c r="B103" s="4" t="s">
        <v>150</v>
      </c>
      <c r="C103" s="12" t="s">
        <v>162</v>
      </c>
      <c r="D103" s="33"/>
    </row>
    <row r="104" spans="2:4" ht="20.2" customHeight="1" x14ac:dyDescent="0.3">
      <c r="B104" s="4" t="s">
        <v>152</v>
      </c>
      <c r="C104" s="12" t="s">
        <v>159</v>
      </c>
      <c r="D104" s="33"/>
    </row>
    <row r="105" spans="2:4" ht="20.2" customHeight="1" x14ac:dyDescent="0.3">
      <c r="B105" s="4" t="s">
        <v>153</v>
      </c>
      <c r="C105" s="12" t="s">
        <v>158</v>
      </c>
      <c r="D105" s="33"/>
    </row>
    <row r="106" spans="2:4" ht="20.2" customHeight="1" x14ac:dyDescent="0.3">
      <c r="B106" s="4" t="s">
        <v>151</v>
      </c>
      <c r="C106" s="12" t="s">
        <v>160</v>
      </c>
      <c r="D106" s="33"/>
    </row>
    <row r="107" spans="2:4" ht="20.2" customHeight="1" x14ac:dyDescent="0.3">
      <c r="B107" s="4" t="s">
        <v>154</v>
      </c>
      <c r="C107" s="12" t="s">
        <v>161</v>
      </c>
      <c r="D107" s="34"/>
    </row>
    <row r="108" spans="2:4" s="1" customFormat="1" ht="20.2" customHeight="1" x14ac:dyDescent="0.3">
      <c r="B108" s="21" t="s">
        <v>182</v>
      </c>
      <c r="C108" s="48" t="s">
        <v>167</v>
      </c>
      <c r="D108" s="32"/>
    </row>
    <row r="109" spans="2:4" ht="20.2" customHeight="1" x14ac:dyDescent="0.3">
      <c r="B109" s="4" t="s">
        <v>155</v>
      </c>
      <c r="C109" s="12" t="s">
        <v>163</v>
      </c>
      <c r="D109" s="34"/>
    </row>
  </sheetData>
  <mergeCells count="19">
    <mergeCell ref="D99:D100"/>
    <mergeCell ref="D102:D107"/>
    <mergeCell ref="D108:D109"/>
    <mergeCell ref="D32:D36"/>
    <mergeCell ref="D37:D39"/>
    <mergeCell ref="D78:D81"/>
    <mergeCell ref="D82:D85"/>
    <mergeCell ref="D87:D98"/>
    <mergeCell ref="D9:D14"/>
    <mergeCell ref="D69:D70"/>
    <mergeCell ref="D73:D76"/>
    <mergeCell ref="B1:D1"/>
    <mergeCell ref="D23:D30"/>
    <mergeCell ref="B47:D47"/>
    <mergeCell ref="B41:D41"/>
    <mergeCell ref="D54:D66"/>
    <mergeCell ref="D42:D46"/>
    <mergeCell ref="D48:D52"/>
    <mergeCell ref="D16:D21"/>
  </mergeCells>
  <hyperlinks>
    <hyperlink ref="C65" r:id="rId1" display="https://www.google.com/url?sa=i&amp;source=web&amp;rct=j&amp;url=https://www.sars.gov.za/customs-and-excise/excise/excise-offices/&amp;ved=2ahUKEwiXuan1uaSTAxW9a0EAHVFoO-sQy_kOegQIARAB&amp;opi=89978449&amp;cd&amp;psig=AOvVaw3w8BgCSRK6TcLRDzc2vKjp&amp;ust=1773751641423000" xr:uid="{F00BE092-BAC9-49E7-8BC7-74935FC04270}"/>
  </hyperlinks>
  <pageMargins left="0.7" right="0.7" top="0.75" bottom="0.75" header="0.3" footer="0.3"/>
  <pageSetup paperSize="8" scale="95" fitToHeight="0" orientation="landscape" r:id="rId2"/>
  <rowBreaks count="1" manualBreakCount="1">
    <brk id="62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bali Mbonambi</dc:creator>
  <cp:lastModifiedBy>Alfred Masemene</cp:lastModifiedBy>
  <cp:lastPrinted>2026-03-10T13:00:48Z</cp:lastPrinted>
  <dcterms:created xsi:type="dcterms:W3CDTF">2026-02-20T09:17:20Z</dcterms:created>
  <dcterms:modified xsi:type="dcterms:W3CDTF">2026-06-23T13:13:16Z</dcterms:modified>
</cp:coreProperties>
</file>